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30_真鶴町       水道は未提出、下水道は提出済み\"/>
    </mc:Choice>
  </mc:AlternateContent>
  <workbookProtection workbookAlgorithmName="SHA-512" workbookHashValue="Fiof6UN3aNw+P/KHYaqcEr/JOPmIMLtKZ/Dd1k4HUoN+OjiJyEN3hZm0zDIyLPddQLC0xViPgRkAFOIU3dvXXw==" workbookSaltValue="+lBi143CqaGrtAeKRUrtow==" workbookSpinCount="100000" lockStructure="1"/>
  <bookViews>
    <workbookView xWindow="0" yWindow="0" windowWidth="21924" windowHeight="8700"/>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AL8" i="4" s="1"/>
  <c r="Q6" i="5"/>
  <c r="P6" i="5"/>
  <c r="P10" i="4" s="1"/>
  <c r="O6" i="5"/>
  <c r="N6" i="5"/>
  <c r="M6" i="5"/>
  <c r="L6" i="5"/>
  <c r="K6" i="5"/>
  <c r="J6" i="5"/>
  <c r="I8" i="4" s="1"/>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K85" i="4"/>
  <c r="J85" i="4"/>
  <c r="H85" i="4"/>
  <c r="G85" i="4"/>
  <c r="F85" i="4"/>
  <c r="BB10" i="4"/>
  <c r="AT10" i="4"/>
  <c r="AL10" i="4"/>
  <c r="W10" i="4"/>
  <c r="I10" i="4"/>
  <c r="B10" i="4"/>
  <c r="BB8" i="4"/>
  <c r="AT8" i="4"/>
  <c r="AD8" i="4"/>
  <c r="W8" i="4"/>
  <c r="P8" i="4"/>
  <c r="B8" i="4"/>
  <c r="B6" i="4"/>
</calcChain>
</file>

<file path=xl/sharedStrings.xml><?xml version="1.0" encoding="utf-8"?>
<sst xmlns="http://schemas.openxmlformats.org/spreadsheetml/2006/main" count="228" uniqueCount="114">
  <si>
    <t>経営比較分析表（令和3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真鶴町</t>
  </si>
  <si>
    <t>法適用</t>
  </si>
  <si>
    <t>水道事業</t>
  </si>
  <si>
    <t>末端給水事業</t>
  </si>
  <si>
    <t>A8</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有形固定資産減価償却率は類似団体平均値よりも高い水準となっており、上昇傾向が続いています。
　管路経年化比率は類似団体内の水準より低い状態ですが管路更新ができていないため、老朽化が進む一方、管路更新率を上げることのできない状況が続いています。</t>
    <rPh sb="17" eb="20">
      <t>ヘイキンチ</t>
    </rPh>
    <rPh sb="34" eb="38">
      <t>ジョウショウケイコウ</t>
    </rPh>
    <rPh sb="39" eb="40">
      <t>ツヅ</t>
    </rPh>
    <rPh sb="66" eb="67">
      <t>ヒク</t>
    </rPh>
    <rPh sb="68" eb="70">
      <t>ジョウタイ</t>
    </rPh>
    <rPh sb="73" eb="77">
      <t>カンロコウシン</t>
    </rPh>
    <phoneticPr fontId="4"/>
  </si>
  <si>
    <t>　厳しい経営状況への推移が一層進んでおり、整備計画の見直しや費用削減を更に進めていく必要があります。
　収入の基盤である給水収益の増加には、料金改定が不可欠であり、その必要性について検討を進めておりますが、コロナ禍による物価高騰の折り、近隣自治体や全国平均に比べても水道料金が高い状況を踏まえ、適正な料金体系について多角的な視点から見直しを図り、慎重に検討してまいります。</t>
    <rPh sb="35" eb="36">
      <t>サラ</t>
    </rPh>
    <rPh sb="106" eb="107">
      <t>カ</t>
    </rPh>
    <rPh sb="110" eb="112">
      <t>ブッカ</t>
    </rPh>
    <rPh sb="112" eb="114">
      <t>コウトウ</t>
    </rPh>
    <rPh sb="115" eb="116">
      <t>オ</t>
    </rPh>
    <phoneticPr fontId="4"/>
  </si>
  <si>
    <t>　経常収支比率は100％を超える水準となっています。流動比率は前年よりも若干数値は上昇しているとはいえ、低い水準であることから、収入を確保しつつ費用の削減に努め、管路や施設等の更新についても見直しを図っていくことにより経営の健全化を目指してまいります。
　決算状況を経年比較すると、給水人口の減少・使用量の減少等による給水収益の減少に伴う現金の減少傾向が見られ、また、有収率も低くなり厳しい経営状況になっています。
　この現金の減少傾向は給水原価にも影響が及び、例年よりも高い数値は、類似団体よりも大きなものとなっています。受水費が費用に占める割合も依然として高い数値である状況が続いていくことが考えられます。
　施設利用率の低さは、利用状況や適切な施設規模を把握・分析することにより、施設維持管理費等費用の更なる削減を図る必要があります。</t>
    <rPh sb="31" eb="33">
      <t>ゼンネン</t>
    </rPh>
    <rPh sb="36" eb="38">
      <t>ジャッカン</t>
    </rPh>
    <rPh sb="38" eb="40">
      <t>スウチ</t>
    </rPh>
    <rPh sb="41" eb="43">
      <t>ジョウショウ</t>
    </rPh>
    <rPh sb="54" eb="56">
      <t>スイジュン</t>
    </rPh>
    <rPh sb="64" eb="66">
      <t>シュウニュウ</t>
    </rPh>
    <rPh sb="67" eb="69">
      <t>カクホ</t>
    </rPh>
    <rPh sb="78" eb="79">
      <t>ツト</t>
    </rPh>
    <rPh sb="99" eb="100">
      <t>ハカ</t>
    </rPh>
    <rPh sb="184" eb="187">
      <t>ユウシュウリツ</t>
    </rPh>
    <rPh sb="188" eb="189">
      <t>ヒク</t>
    </rPh>
    <rPh sb="211" eb="213">
      <t>ゲンキン</t>
    </rPh>
    <rPh sb="225" eb="227">
      <t>エイキョウ</t>
    </rPh>
    <rPh sb="228" eb="229">
      <t>オヨ</t>
    </rPh>
    <rPh sb="231" eb="233">
      <t>レイネン</t>
    </rPh>
    <rPh sb="236" eb="237">
      <t>タカ</t>
    </rPh>
    <rPh sb="238" eb="240">
      <t>スウチ</t>
    </rPh>
    <rPh sb="249" eb="250">
      <t>オオ</t>
    </rPh>
    <rPh sb="333" eb="335">
      <t>ブンセキ</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D$6:$EH$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9901-4D71-8ACE-11A228853F86}"/>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44</c:v>
                </c:pt>
                <c:pt idx="1">
                  <c:v>0.52</c:v>
                </c:pt>
                <c:pt idx="2">
                  <c:v>0.47</c:v>
                </c:pt>
                <c:pt idx="3">
                  <c:v>0.4</c:v>
                </c:pt>
                <c:pt idx="4">
                  <c:v>0.36</c:v>
                </c:pt>
              </c:numCache>
            </c:numRef>
          </c:val>
          <c:smooth val="0"/>
          <c:extLst>
            <c:ext xmlns:c16="http://schemas.microsoft.com/office/drawing/2014/chart" uri="{C3380CC4-5D6E-409C-BE32-E72D297353CC}">
              <c16:uniqueId val="{00000001-9901-4D71-8ACE-11A228853F86}"/>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L$6:$CP$6</c:f>
              <c:numCache>
                <c:formatCode>#,##0.00;"△"#,##0.00;"-"</c:formatCode>
                <c:ptCount val="5"/>
                <c:pt idx="0">
                  <c:v>30.87</c:v>
                </c:pt>
                <c:pt idx="1">
                  <c:v>30.74</c:v>
                </c:pt>
                <c:pt idx="2">
                  <c:v>29.93</c:v>
                </c:pt>
                <c:pt idx="3">
                  <c:v>30.08</c:v>
                </c:pt>
                <c:pt idx="4">
                  <c:v>30.22</c:v>
                </c:pt>
              </c:numCache>
            </c:numRef>
          </c:val>
          <c:extLst>
            <c:ext xmlns:c16="http://schemas.microsoft.com/office/drawing/2014/chart" uri="{C3380CC4-5D6E-409C-BE32-E72D297353CC}">
              <c16:uniqueId val="{00000000-0F48-436E-889F-DFA71F05BDA1}"/>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0.24</c:v>
                </c:pt>
                <c:pt idx="1">
                  <c:v>50.29</c:v>
                </c:pt>
                <c:pt idx="2">
                  <c:v>49.64</c:v>
                </c:pt>
                <c:pt idx="3">
                  <c:v>49.38</c:v>
                </c:pt>
                <c:pt idx="4">
                  <c:v>50.09</c:v>
                </c:pt>
              </c:numCache>
            </c:numRef>
          </c:val>
          <c:smooth val="0"/>
          <c:extLst>
            <c:ext xmlns:c16="http://schemas.microsoft.com/office/drawing/2014/chart" uri="{C3380CC4-5D6E-409C-BE32-E72D297353CC}">
              <c16:uniqueId val="{00000001-0F48-436E-889F-DFA71F05BDA1}"/>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W$6:$DA$6</c:f>
              <c:numCache>
                <c:formatCode>#,##0.00;"△"#,##0.00;"-"</c:formatCode>
                <c:ptCount val="5"/>
                <c:pt idx="0">
                  <c:v>82.74</c:v>
                </c:pt>
                <c:pt idx="1">
                  <c:v>81.38</c:v>
                </c:pt>
                <c:pt idx="2">
                  <c:v>81.44</c:v>
                </c:pt>
                <c:pt idx="3">
                  <c:v>81.88</c:v>
                </c:pt>
                <c:pt idx="4">
                  <c:v>77.48</c:v>
                </c:pt>
              </c:numCache>
            </c:numRef>
          </c:val>
          <c:extLst>
            <c:ext xmlns:c16="http://schemas.microsoft.com/office/drawing/2014/chart" uri="{C3380CC4-5D6E-409C-BE32-E72D297353CC}">
              <c16:uniqueId val="{00000000-2BE8-4D98-9D12-8E24EB673852}"/>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8.650000000000006</c:v>
                </c:pt>
                <c:pt idx="1">
                  <c:v>77.73</c:v>
                </c:pt>
                <c:pt idx="2">
                  <c:v>78.09</c:v>
                </c:pt>
                <c:pt idx="3">
                  <c:v>78.010000000000005</c:v>
                </c:pt>
                <c:pt idx="4">
                  <c:v>77.599999999999994</c:v>
                </c:pt>
              </c:numCache>
            </c:numRef>
          </c:val>
          <c:smooth val="0"/>
          <c:extLst>
            <c:ext xmlns:c16="http://schemas.microsoft.com/office/drawing/2014/chart" uri="{C3380CC4-5D6E-409C-BE32-E72D297353CC}">
              <c16:uniqueId val="{00000001-2BE8-4D98-9D12-8E24EB673852}"/>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X$6:$AB$6</c:f>
              <c:numCache>
                <c:formatCode>#,##0.00;"△"#,##0.00;"-"</c:formatCode>
                <c:ptCount val="5"/>
                <c:pt idx="0">
                  <c:v>112.01</c:v>
                </c:pt>
                <c:pt idx="1">
                  <c:v>108.02</c:v>
                </c:pt>
                <c:pt idx="2">
                  <c:v>107.74</c:v>
                </c:pt>
                <c:pt idx="3">
                  <c:v>108.59</c:v>
                </c:pt>
                <c:pt idx="4">
                  <c:v>107.41</c:v>
                </c:pt>
              </c:numCache>
            </c:numRef>
          </c:val>
          <c:extLst>
            <c:ext xmlns:c16="http://schemas.microsoft.com/office/drawing/2014/chart" uri="{C3380CC4-5D6E-409C-BE32-E72D297353CC}">
              <c16:uniqueId val="{00000000-4C27-4FFB-82EB-450A51D53CD1}"/>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4.47</c:v>
                </c:pt>
                <c:pt idx="1">
                  <c:v>103.81</c:v>
                </c:pt>
                <c:pt idx="2">
                  <c:v>104.35</c:v>
                </c:pt>
                <c:pt idx="3">
                  <c:v>105.34</c:v>
                </c:pt>
                <c:pt idx="4">
                  <c:v>105.77</c:v>
                </c:pt>
              </c:numCache>
            </c:numRef>
          </c:val>
          <c:smooth val="0"/>
          <c:extLst>
            <c:ext xmlns:c16="http://schemas.microsoft.com/office/drawing/2014/chart" uri="{C3380CC4-5D6E-409C-BE32-E72D297353CC}">
              <c16:uniqueId val="{00000001-4C27-4FFB-82EB-450A51D53CD1}"/>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H$6:$DL$6</c:f>
              <c:numCache>
                <c:formatCode>#,##0.00;"△"#,##0.00;"-"</c:formatCode>
                <c:ptCount val="5"/>
                <c:pt idx="0">
                  <c:v>55.07</c:v>
                </c:pt>
                <c:pt idx="1">
                  <c:v>56.08</c:v>
                </c:pt>
                <c:pt idx="2">
                  <c:v>57.54</c:v>
                </c:pt>
                <c:pt idx="3">
                  <c:v>59.01</c:v>
                </c:pt>
                <c:pt idx="4">
                  <c:v>60.7</c:v>
                </c:pt>
              </c:numCache>
            </c:numRef>
          </c:val>
          <c:extLst>
            <c:ext xmlns:c16="http://schemas.microsoft.com/office/drawing/2014/chart" uri="{C3380CC4-5D6E-409C-BE32-E72D297353CC}">
              <c16:uniqueId val="{00000000-0533-4559-B453-7C4D007521DA}"/>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5.14</c:v>
                </c:pt>
                <c:pt idx="1">
                  <c:v>45.85</c:v>
                </c:pt>
                <c:pt idx="2">
                  <c:v>47.31</c:v>
                </c:pt>
                <c:pt idx="3">
                  <c:v>47.5</c:v>
                </c:pt>
                <c:pt idx="4">
                  <c:v>48.41</c:v>
                </c:pt>
              </c:numCache>
            </c:numRef>
          </c:val>
          <c:smooth val="0"/>
          <c:extLst>
            <c:ext xmlns:c16="http://schemas.microsoft.com/office/drawing/2014/chart" uri="{C3380CC4-5D6E-409C-BE32-E72D297353CC}">
              <c16:uniqueId val="{00000001-0533-4559-B453-7C4D007521DA}"/>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S$6:$DW$6</c:f>
              <c:numCache>
                <c:formatCode>#,##0.00;"△"#,##0.00;"-"</c:formatCode>
                <c:ptCount val="5"/>
                <c:pt idx="0">
                  <c:v>13.25</c:v>
                </c:pt>
                <c:pt idx="1">
                  <c:v>13.25</c:v>
                </c:pt>
                <c:pt idx="2">
                  <c:v>13.25</c:v>
                </c:pt>
                <c:pt idx="3">
                  <c:v>13.25</c:v>
                </c:pt>
                <c:pt idx="4">
                  <c:v>13.25</c:v>
                </c:pt>
              </c:numCache>
            </c:numRef>
          </c:val>
          <c:extLst>
            <c:ext xmlns:c16="http://schemas.microsoft.com/office/drawing/2014/chart" uri="{C3380CC4-5D6E-409C-BE32-E72D297353CC}">
              <c16:uniqueId val="{00000000-AB16-4B07-81E0-5415E81718CD}"/>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3.58</c:v>
                </c:pt>
                <c:pt idx="1">
                  <c:v>14.13</c:v>
                </c:pt>
                <c:pt idx="2">
                  <c:v>16.77</c:v>
                </c:pt>
                <c:pt idx="3">
                  <c:v>17.399999999999999</c:v>
                </c:pt>
                <c:pt idx="4">
                  <c:v>18.64</c:v>
                </c:pt>
              </c:numCache>
            </c:numRef>
          </c:val>
          <c:smooth val="0"/>
          <c:extLst>
            <c:ext xmlns:c16="http://schemas.microsoft.com/office/drawing/2014/chart" uri="{C3380CC4-5D6E-409C-BE32-E72D297353CC}">
              <c16:uniqueId val="{00000001-AB16-4B07-81E0-5415E81718CD}"/>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56DE-4D0A-B9C8-2F66F49F0981}"/>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16.399999999999999</c:v>
                </c:pt>
                <c:pt idx="1">
                  <c:v>25.66</c:v>
                </c:pt>
                <c:pt idx="2">
                  <c:v>21.69</c:v>
                </c:pt>
                <c:pt idx="3">
                  <c:v>24.04</c:v>
                </c:pt>
                <c:pt idx="4">
                  <c:v>28.03</c:v>
                </c:pt>
              </c:numCache>
            </c:numRef>
          </c:val>
          <c:smooth val="0"/>
          <c:extLst>
            <c:ext xmlns:c16="http://schemas.microsoft.com/office/drawing/2014/chart" uri="{C3380CC4-5D6E-409C-BE32-E72D297353CC}">
              <c16:uniqueId val="{00000001-56DE-4D0A-B9C8-2F66F49F0981}"/>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T$6:$AX$6</c:f>
              <c:numCache>
                <c:formatCode>#,##0.00;"△"#,##0.00;"-"</c:formatCode>
                <c:ptCount val="5"/>
                <c:pt idx="0">
                  <c:v>43.21</c:v>
                </c:pt>
                <c:pt idx="1">
                  <c:v>45.16</c:v>
                </c:pt>
                <c:pt idx="2">
                  <c:v>36.630000000000003</c:v>
                </c:pt>
                <c:pt idx="3">
                  <c:v>40.94</c:v>
                </c:pt>
                <c:pt idx="4">
                  <c:v>55.66</c:v>
                </c:pt>
              </c:numCache>
            </c:numRef>
          </c:val>
          <c:extLst>
            <c:ext xmlns:c16="http://schemas.microsoft.com/office/drawing/2014/chart" uri="{C3380CC4-5D6E-409C-BE32-E72D297353CC}">
              <c16:uniqueId val="{00000000-F69D-4019-9A77-059DEE3AF455}"/>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93.23</c:v>
                </c:pt>
                <c:pt idx="1">
                  <c:v>300.14</c:v>
                </c:pt>
                <c:pt idx="2">
                  <c:v>301.04000000000002</c:v>
                </c:pt>
                <c:pt idx="3">
                  <c:v>305.08</c:v>
                </c:pt>
                <c:pt idx="4">
                  <c:v>305.33999999999997</c:v>
                </c:pt>
              </c:numCache>
            </c:numRef>
          </c:val>
          <c:smooth val="0"/>
          <c:extLst>
            <c:ext xmlns:c16="http://schemas.microsoft.com/office/drawing/2014/chart" uri="{C3380CC4-5D6E-409C-BE32-E72D297353CC}">
              <c16:uniqueId val="{00000001-F69D-4019-9A77-059DEE3AF455}"/>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E$6:$BI$6</c:f>
              <c:numCache>
                <c:formatCode>#,##0.00;"△"#,##0.00;"-"</c:formatCode>
                <c:ptCount val="5"/>
                <c:pt idx="0">
                  <c:v>393.83</c:v>
                </c:pt>
                <c:pt idx="1">
                  <c:v>397.35</c:v>
                </c:pt>
                <c:pt idx="2">
                  <c:v>381.48</c:v>
                </c:pt>
                <c:pt idx="3">
                  <c:v>358.7</c:v>
                </c:pt>
                <c:pt idx="4">
                  <c:v>348.73</c:v>
                </c:pt>
              </c:numCache>
            </c:numRef>
          </c:val>
          <c:extLst>
            <c:ext xmlns:c16="http://schemas.microsoft.com/office/drawing/2014/chart" uri="{C3380CC4-5D6E-409C-BE32-E72D297353CC}">
              <c16:uniqueId val="{00000000-C926-43D8-9C66-286415286990}"/>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542.29999999999995</c:v>
                </c:pt>
                <c:pt idx="1">
                  <c:v>566.65</c:v>
                </c:pt>
                <c:pt idx="2">
                  <c:v>551.62</c:v>
                </c:pt>
                <c:pt idx="3">
                  <c:v>585.59</c:v>
                </c:pt>
                <c:pt idx="4">
                  <c:v>561.34</c:v>
                </c:pt>
              </c:numCache>
            </c:numRef>
          </c:val>
          <c:smooth val="0"/>
          <c:extLst>
            <c:ext xmlns:c16="http://schemas.microsoft.com/office/drawing/2014/chart" uri="{C3380CC4-5D6E-409C-BE32-E72D297353CC}">
              <c16:uniqueId val="{00000001-C926-43D8-9C66-286415286990}"/>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P$6:$BT$6</c:f>
              <c:numCache>
                <c:formatCode>#,##0.00;"△"#,##0.00;"-"</c:formatCode>
                <c:ptCount val="5"/>
                <c:pt idx="0">
                  <c:v>111.14</c:v>
                </c:pt>
                <c:pt idx="1">
                  <c:v>107.22</c:v>
                </c:pt>
                <c:pt idx="2">
                  <c:v>107.2</c:v>
                </c:pt>
                <c:pt idx="3">
                  <c:v>107.16</c:v>
                </c:pt>
                <c:pt idx="4">
                  <c:v>102.83</c:v>
                </c:pt>
              </c:numCache>
            </c:numRef>
          </c:val>
          <c:extLst>
            <c:ext xmlns:c16="http://schemas.microsoft.com/office/drawing/2014/chart" uri="{C3380CC4-5D6E-409C-BE32-E72D297353CC}">
              <c16:uniqueId val="{00000000-5561-4EBD-9117-52C6E82DF0D8}"/>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87.51</c:v>
                </c:pt>
                <c:pt idx="1">
                  <c:v>84.77</c:v>
                </c:pt>
                <c:pt idx="2">
                  <c:v>87.11</c:v>
                </c:pt>
                <c:pt idx="3">
                  <c:v>82.78</c:v>
                </c:pt>
                <c:pt idx="4">
                  <c:v>84.82</c:v>
                </c:pt>
              </c:numCache>
            </c:numRef>
          </c:val>
          <c:smooth val="0"/>
          <c:extLst>
            <c:ext xmlns:c16="http://schemas.microsoft.com/office/drawing/2014/chart" uri="{C3380CC4-5D6E-409C-BE32-E72D297353CC}">
              <c16:uniqueId val="{00000001-5561-4EBD-9117-52C6E82DF0D8}"/>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A$6:$CE$6</c:f>
              <c:numCache>
                <c:formatCode>#,##0.00;"△"#,##0.00;"-"</c:formatCode>
                <c:ptCount val="5"/>
                <c:pt idx="0">
                  <c:v>220.25</c:v>
                </c:pt>
                <c:pt idx="1">
                  <c:v>227.9</c:v>
                </c:pt>
                <c:pt idx="2">
                  <c:v>228.7</c:v>
                </c:pt>
                <c:pt idx="3">
                  <c:v>227.06</c:v>
                </c:pt>
                <c:pt idx="4">
                  <c:v>237.1</c:v>
                </c:pt>
              </c:numCache>
            </c:numRef>
          </c:val>
          <c:extLst>
            <c:ext xmlns:c16="http://schemas.microsoft.com/office/drawing/2014/chart" uri="{C3380CC4-5D6E-409C-BE32-E72D297353CC}">
              <c16:uniqueId val="{00000000-605E-4E75-B31C-83D8FC9FF6EE}"/>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18.42</c:v>
                </c:pt>
                <c:pt idx="1">
                  <c:v>227.27</c:v>
                </c:pt>
                <c:pt idx="2">
                  <c:v>223.98</c:v>
                </c:pt>
                <c:pt idx="3">
                  <c:v>225.09</c:v>
                </c:pt>
                <c:pt idx="4">
                  <c:v>224.82</c:v>
                </c:pt>
              </c:numCache>
            </c:numRef>
          </c:val>
          <c:smooth val="0"/>
          <c:extLst>
            <c:ext xmlns:c16="http://schemas.microsoft.com/office/drawing/2014/chart" uri="{C3380CC4-5D6E-409C-BE32-E72D297353CC}">
              <c16:uniqueId val="{00000001-605E-4E75-B31C-83D8FC9FF6EE}"/>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1.3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5.1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0.1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74】</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2.35】</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0.88】</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2.3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6】</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66" zoomScaleNormal="66" workbookViewId="0">
      <selection activeCell="CD20" sqref="CD20"/>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真鶴町</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8</v>
      </c>
      <c r="X8" s="44"/>
      <c r="Y8" s="44"/>
      <c r="Z8" s="44"/>
      <c r="AA8" s="44"/>
      <c r="AB8" s="44"/>
      <c r="AC8" s="44"/>
      <c r="AD8" s="44" t="str">
        <f>データ!$M$6</f>
        <v>非設置</v>
      </c>
      <c r="AE8" s="44"/>
      <c r="AF8" s="44"/>
      <c r="AG8" s="44"/>
      <c r="AH8" s="44"/>
      <c r="AI8" s="44"/>
      <c r="AJ8" s="44"/>
      <c r="AK8" s="2"/>
      <c r="AL8" s="45">
        <f>データ!$R$6</f>
        <v>6984</v>
      </c>
      <c r="AM8" s="45"/>
      <c r="AN8" s="45"/>
      <c r="AO8" s="45"/>
      <c r="AP8" s="45"/>
      <c r="AQ8" s="45"/>
      <c r="AR8" s="45"/>
      <c r="AS8" s="45"/>
      <c r="AT8" s="46">
        <f>データ!$S$6</f>
        <v>7.05</v>
      </c>
      <c r="AU8" s="47"/>
      <c r="AV8" s="47"/>
      <c r="AW8" s="47"/>
      <c r="AX8" s="47"/>
      <c r="AY8" s="47"/>
      <c r="AZ8" s="47"/>
      <c r="BA8" s="47"/>
      <c r="BB8" s="48">
        <f>データ!$T$6</f>
        <v>990.64</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55.18</v>
      </c>
      <c r="J10" s="47"/>
      <c r="K10" s="47"/>
      <c r="L10" s="47"/>
      <c r="M10" s="47"/>
      <c r="N10" s="47"/>
      <c r="O10" s="81"/>
      <c r="P10" s="48">
        <f>データ!$P$6</f>
        <v>100</v>
      </c>
      <c r="Q10" s="48"/>
      <c r="R10" s="48"/>
      <c r="S10" s="48"/>
      <c r="T10" s="48"/>
      <c r="U10" s="48"/>
      <c r="V10" s="48"/>
      <c r="W10" s="45">
        <f>データ!$Q$6</f>
        <v>3747</v>
      </c>
      <c r="X10" s="45"/>
      <c r="Y10" s="45"/>
      <c r="Z10" s="45"/>
      <c r="AA10" s="45"/>
      <c r="AB10" s="45"/>
      <c r="AC10" s="45"/>
      <c r="AD10" s="2"/>
      <c r="AE10" s="2"/>
      <c r="AF10" s="2"/>
      <c r="AG10" s="2"/>
      <c r="AH10" s="2"/>
      <c r="AI10" s="2"/>
      <c r="AJ10" s="2"/>
      <c r="AK10" s="2"/>
      <c r="AL10" s="45">
        <f>データ!$U$6</f>
        <v>6931</v>
      </c>
      <c r="AM10" s="45"/>
      <c r="AN10" s="45"/>
      <c r="AO10" s="45"/>
      <c r="AP10" s="45"/>
      <c r="AQ10" s="45"/>
      <c r="AR10" s="45"/>
      <c r="AS10" s="45"/>
      <c r="AT10" s="46">
        <f>データ!$V$6</f>
        <v>7.02</v>
      </c>
      <c r="AU10" s="47"/>
      <c r="AV10" s="47"/>
      <c r="AW10" s="47"/>
      <c r="AX10" s="47"/>
      <c r="AY10" s="47"/>
      <c r="AZ10" s="47"/>
      <c r="BA10" s="47"/>
      <c r="BB10" s="48">
        <f>データ!$W$6</f>
        <v>987.32</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3</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1</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2</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11.39】</v>
      </c>
      <c r="F85" s="13" t="str">
        <f>データ!AS6</f>
        <v>【1.30】</v>
      </c>
      <c r="G85" s="13" t="str">
        <f>データ!BD6</f>
        <v>【261.51】</v>
      </c>
      <c r="H85" s="13" t="str">
        <f>データ!BO6</f>
        <v>【265.16】</v>
      </c>
      <c r="I85" s="13" t="str">
        <f>データ!BZ6</f>
        <v>【102.35】</v>
      </c>
      <c r="J85" s="13" t="str">
        <f>データ!CK6</f>
        <v>【167.74】</v>
      </c>
      <c r="K85" s="13" t="str">
        <f>データ!CV6</f>
        <v>【60.29】</v>
      </c>
      <c r="L85" s="13" t="str">
        <f>データ!DG6</f>
        <v>【90.12】</v>
      </c>
      <c r="M85" s="13" t="str">
        <f>データ!DR6</f>
        <v>【50.88】</v>
      </c>
      <c r="N85" s="13" t="str">
        <f>データ!EC6</f>
        <v>【22.30】</v>
      </c>
      <c r="O85" s="13" t="str">
        <f>データ!EN6</f>
        <v>【0.66】</v>
      </c>
    </row>
  </sheetData>
  <sheetProtection algorithmName="SHA-512" hashValue="mBQBquAbQPxD+ZLQ6Z/RkA7zkpFO7dzLsnkWy11A4x3MWALiD4qhEzsqjnJED6HuJeQol2yMBBjZSfIrKIOhFg==" saltValue="qUbZEAtjmV4JyQN76OYw1Q=="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1</v>
      </c>
      <c r="C6" s="20">
        <f t="shared" ref="C6:W6" si="3">C7</f>
        <v>143839</v>
      </c>
      <c r="D6" s="20">
        <f t="shared" si="3"/>
        <v>46</v>
      </c>
      <c r="E6" s="20">
        <f t="shared" si="3"/>
        <v>1</v>
      </c>
      <c r="F6" s="20">
        <f t="shared" si="3"/>
        <v>0</v>
      </c>
      <c r="G6" s="20">
        <f t="shared" si="3"/>
        <v>1</v>
      </c>
      <c r="H6" s="20" t="str">
        <f t="shared" si="3"/>
        <v>神奈川県　真鶴町</v>
      </c>
      <c r="I6" s="20" t="str">
        <f t="shared" si="3"/>
        <v>法適用</v>
      </c>
      <c r="J6" s="20" t="str">
        <f t="shared" si="3"/>
        <v>水道事業</v>
      </c>
      <c r="K6" s="20" t="str">
        <f t="shared" si="3"/>
        <v>末端給水事業</v>
      </c>
      <c r="L6" s="20" t="str">
        <f t="shared" si="3"/>
        <v>A8</v>
      </c>
      <c r="M6" s="20" t="str">
        <f t="shared" si="3"/>
        <v>非設置</v>
      </c>
      <c r="N6" s="21" t="str">
        <f t="shared" si="3"/>
        <v>-</v>
      </c>
      <c r="O6" s="21">
        <f t="shared" si="3"/>
        <v>55.18</v>
      </c>
      <c r="P6" s="21">
        <f t="shared" si="3"/>
        <v>100</v>
      </c>
      <c r="Q6" s="21">
        <f t="shared" si="3"/>
        <v>3747</v>
      </c>
      <c r="R6" s="21">
        <f t="shared" si="3"/>
        <v>6984</v>
      </c>
      <c r="S6" s="21">
        <f t="shared" si="3"/>
        <v>7.05</v>
      </c>
      <c r="T6" s="21">
        <f t="shared" si="3"/>
        <v>990.64</v>
      </c>
      <c r="U6" s="21">
        <f t="shared" si="3"/>
        <v>6931</v>
      </c>
      <c r="V6" s="21">
        <f t="shared" si="3"/>
        <v>7.02</v>
      </c>
      <c r="W6" s="21">
        <f t="shared" si="3"/>
        <v>987.32</v>
      </c>
      <c r="X6" s="22">
        <f>IF(X7="",NA(),X7)</f>
        <v>112.01</v>
      </c>
      <c r="Y6" s="22">
        <f t="shared" ref="Y6:AG6" si="4">IF(Y7="",NA(),Y7)</f>
        <v>108.02</v>
      </c>
      <c r="Z6" s="22">
        <f t="shared" si="4"/>
        <v>107.74</v>
      </c>
      <c r="AA6" s="22">
        <f t="shared" si="4"/>
        <v>108.59</v>
      </c>
      <c r="AB6" s="22">
        <f t="shared" si="4"/>
        <v>107.41</v>
      </c>
      <c r="AC6" s="22">
        <f t="shared" si="4"/>
        <v>104.47</v>
      </c>
      <c r="AD6" s="22">
        <f t="shared" si="4"/>
        <v>103.81</v>
      </c>
      <c r="AE6" s="22">
        <f t="shared" si="4"/>
        <v>104.35</v>
      </c>
      <c r="AF6" s="22">
        <f t="shared" si="4"/>
        <v>105.34</v>
      </c>
      <c r="AG6" s="22">
        <f t="shared" si="4"/>
        <v>105.77</v>
      </c>
      <c r="AH6" s="21" t="str">
        <f>IF(AH7="","",IF(AH7="-","【-】","【"&amp;SUBSTITUTE(TEXT(AH7,"#,##0.00"),"-","△")&amp;"】"))</f>
        <v>【111.39】</v>
      </c>
      <c r="AI6" s="21">
        <f>IF(AI7="",NA(),AI7)</f>
        <v>0</v>
      </c>
      <c r="AJ6" s="21">
        <f t="shared" ref="AJ6:AR6" si="5">IF(AJ7="",NA(),AJ7)</f>
        <v>0</v>
      </c>
      <c r="AK6" s="21">
        <f t="shared" si="5"/>
        <v>0</v>
      </c>
      <c r="AL6" s="21">
        <f t="shared" si="5"/>
        <v>0</v>
      </c>
      <c r="AM6" s="21">
        <f t="shared" si="5"/>
        <v>0</v>
      </c>
      <c r="AN6" s="22">
        <f t="shared" si="5"/>
        <v>16.399999999999999</v>
      </c>
      <c r="AO6" s="22">
        <f t="shared" si="5"/>
        <v>25.66</v>
      </c>
      <c r="AP6" s="22">
        <f t="shared" si="5"/>
        <v>21.69</v>
      </c>
      <c r="AQ6" s="22">
        <f t="shared" si="5"/>
        <v>24.04</v>
      </c>
      <c r="AR6" s="22">
        <f t="shared" si="5"/>
        <v>28.03</v>
      </c>
      <c r="AS6" s="21" t="str">
        <f>IF(AS7="","",IF(AS7="-","【-】","【"&amp;SUBSTITUTE(TEXT(AS7,"#,##0.00"),"-","△")&amp;"】"))</f>
        <v>【1.30】</v>
      </c>
      <c r="AT6" s="22">
        <f>IF(AT7="",NA(),AT7)</f>
        <v>43.21</v>
      </c>
      <c r="AU6" s="22">
        <f t="shared" ref="AU6:BC6" si="6">IF(AU7="",NA(),AU7)</f>
        <v>45.16</v>
      </c>
      <c r="AV6" s="22">
        <f t="shared" si="6"/>
        <v>36.630000000000003</v>
      </c>
      <c r="AW6" s="22">
        <f t="shared" si="6"/>
        <v>40.94</v>
      </c>
      <c r="AX6" s="22">
        <f t="shared" si="6"/>
        <v>55.66</v>
      </c>
      <c r="AY6" s="22">
        <f t="shared" si="6"/>
        <v>293.23</v>
      </c>
      <c r="AZ6" s="22">
        <f t="shared" si="6"/>
        <v>300.14</v>
      </c>
      <c r="BA6" s="22">
        <f t="shared" si="6"/>
        <v>301.04000000000002</v>
      </c>
      <c r="BB6" s="22">
        <f t="shared" si="6"/>
        <v>305.08</v>
      </c>
      <c r="BC6" s="22">
        <f t="shared" si="6"/>
        <v>305.33999999999997</v>
      </c>
      <c r="BD6" s="21" t="str">
        <f>IF(BD7="","",IF(BD7="-","【-】","【"&amp;SUBSTITUTE(TEXT(BD7,"#,##0.00"),"-","△")&amp;"】"))</f>
        <v>【261.51】</v>
      </c>
      <c r="BE6" s="22">
        <f>IF(BE7="",NA(),BE7)</f>
        <v>393.83</v>
      </c>
      <c r="BF6" s="22">
        <f t="shared" ref="BF6:BN6" si="7">IF(BF7="",NA(),BF7)</f>
        <v>397.35</v>
      </c>
      <c r="BG6" s="22">
        <f t="shared" si="7"/>
        <v>381.48</v>
      </c>
      <c r="BH6" s="22">
        <f t="shared" si="7"/>
        <v>358.7</v>
      </c>
      <c r="BI6" s="22">
        <f t="shared" si="7"/>
        <v>348.73</v>
      </c>
      <c r="BJ6" s="22">
        <f t="shared" si="7"/>
        <v>542.29999999999995</v>
      </c>
      <c r="BK6" s="22">
        <f t="shared" si="7"/>
        <v>566.65</v>
      </c>
      <c r="BL6" s="22">
        <f t="shared" si="7"/>
        <v>551.62</v>
      </c>
      <c r="BM6" s="22">
        <f t="shared" si="7"/>
        <v>585.59</v>
      </c>
      <c r="BN6" s="22">
        <f t="shared" si="7"/>
        <v>561.34</v>
      </c>
      <c r="BO6" s="21" t="str">
        <f>IF(BO7="","",IF(BO7="-","【-】","【"&amp;SUBSTITUTE(TEXT(BO7,"#,##0.00"),"-","△")&amp;"】"))</f>
        <v>【265.16】</v>
      </c>
      <c r="BP6" s="22">
        <f>IF(BP7="",NA(),BP7)</f>
        <v>111.14</v>
      </c>
      <c r="BQ6" s="22">
        <f t="shared" ref="BQ6:BY6" si="8">IF(BQ7="",NA(),BQ7)</f>
        <v>107.22</v>
      </c>
      <c r="BR6" s="22">
        <f t="shared" si="8"/>
        <v>107.2</v>
      </c>
      <c r="BS6" s="22">
        <f t="shared" si="8"/>
        <v>107.16</v>
      </c>
      <c r="BT6" s="22">
        <f t="shared" si="8"/>
        <v>102.83</v>
      </c>
      <c r="BU6" s="22">
        <f t="shared" si="8"/>
        <v>87.51</v>
      </c>
      <c r="BV6" s="22">
        <f t="shared" si="8"/>
        <v>84.77</v>
      </c>
      <c r="BW6" s="22">
        <f t="shared" si="8"/>
        <v>87.11</v>
      </c>
      <c r="BX6" s="22">
        <f t="shared" si="8"/>
        <v>82.78</v>
      </c>
      <c r="BY6" s="22">
        <f t="shared" si="8"/>
        <v>84.82</v>
      </c>
      <c r="BZ6" s="21" t="str">
        <f>IF(BZ7="","",IF(BZ7="-","【-】","【"&amp;SUBSTITUTE(TEXT(BZ7,"#,##0.00"),"-","△")&amp;"】"))</f>
        <v>【102.35】</v>
      </c>
      <c r="CA6" s="22">
        <f>IF(CA7="",NA(),CA7)</f>
        <v>220.25</v>
      </c>
      <c r="CB6" s="22">
        <f t="shared" ref="CB6:CJ6" si="9">IF(CB7="",NA(),CB7)</f>
        <v>227.9</v>
      </c>
      <c r="CC6" s="22">
        <f t="shared" si="9"/>
        <v>228.7</v>
      </c>
      <c r="CD6" s="22">
        <f t="shared" si="9"/>
        <v>227.06</v>
      </c>
      <c r="CE6" s="22">
        <f t="shared" si="9"/>
        <v>237.1</v>
      </c>
      <c r="CF6" s="22">
        <f t="shared" si="9"/>
        <v>218.42</v>
      </c>
      <c r="CG6" s="22">
        <f t="shared" si="9"/>
        <v>227.27</v>
      </c>
      <c r="CH6" s="22">
        <f t="shared" si="9"/>
        <v>223.98</v>
      </c>
      <c r="CI6" s="22">
        <f t="shared" si="9"/>
        <v>225.09</v>
      </c>
      <c r="CJ6" s="22">
        <f t="shared" si="9"/>
        <v>224.82</v>
      </c>
      <c r="CK6" s="21" t="str">
        <f>IF(CK7="","",IF(CK7="-","【-】","【"&amp;SUBSTITUTE(TEXT(CK7,"#,##0.00"),"-","△")&amp;"】"))</f>
        <v>【167.74】</v>
      </c>
      <c r="CL6" s="22">
        <f>IF(CL7="",NA(),CL7)</f>
        <v>30.87</v>
      </c>
      <c r="CM6" s="22">
        <f t="shared" ref="CM6:CU6" si="10">IF(CM7="",NA(),CM7)</f>
        <v>30.74</v>
      </c>
      <c r="CN6" s="22">
        <f t="shared" si="10"/>
        <v>29.93</v>
      </c>
      <c r="CO6" s="22">
        <f t="shared" si="10"/>
        <v>30.08</v>
      </c>
      <c r="CP6" s="22">
        <f t="shared" si="10"/>
        <v>30.22</v>
      </c>
      <c r="CQ6" s="22">
        <f t="shared" si="10"/>
        <v>50.24</v>
      </c>
      <c r="CR6" s="22">
        <f t="shared" si="10"/>
        <v>50.29</v>
      </c>
      <c r="CS6" s="22">
        <f t="shared" si="10"/>
        <v>49.64</v>
      </c>
      <c r="CT6" s="22">
        <f t="shared" si="10"/>
        <v>49.38</v>
      </c>
      <c r="CU6" s="22">
        <f t="shared" si="10"/>
        <v>50.09</v>
      </c>
      <c r="CV6" s="21" t="str">
        <f>IF(CV7="","",IF(CV7="-","【-】","【"&amp;SUBSTITUTE(TEXT(CV7,"#,##0.00"),"-","△")&amp;"】"))</f>
        <v>【60.29】</v>
      </c>
      <c r="CW6" s="22">
        <f>IF(CW7="",NA(),CW7)</f>
        <v>82.74</v>
      </c>
      <c r="CX6" s="22">
        <f t="shared" ref="CX6:DF6" si="11">IF(CX7="",NA(),CX7)</f>
        <v>81.38</v>
      </c>
      <c r="CY6" s="22">
        <f t="shared" si="11"/>
        <v>81.44</v>
      </c>
      <c r="CZ6" s="22">
        <f t="shared" si="11"/>
        <v>81.88</v>
      </c>
      <c r="DA6" s="22">
        <f t="shared" si="11"/>
        <v>77.48</v>
      </c>
      <c r="DB6" s="22">
        <f t="shared" si="11"/>
        <v>78.650000000000006</v>
      </c>
      <c r="DC6" s="22">
        <f t="shared" si="11"/>
        <v>77.73</v>
      </c>
      <c r="DD6" s="22">
        <f t="shared" si="11"/>
        <v>78.09</v>
      </c>
      <c r="DE6" s="22">
        <f t="shared" si="11"/>
        <v>78.010000000000005</v>
      </c>
      <c r="DF6" s="22">
        <f t="shared" si="11"/>
        <v>77.599999999999994</v>
      </c>
      <c r="DG6" s="21" t="str">
        <f>IF(DG7="","",IF(DG7="-","【-】","【"&amp;SUBSTITUTE(TEXT(DG7,"#,##0.00"),"-","△")&amp;"】"))</f>
        <v>【90.12】</v>
      </c>
      <c r="DH6" s="22">
        <f>IF(DH7="",NA(),DH7)</f>
        <v>55.07</v>
      </c>
      <c r="DI6" s="22">
        <f t="shared" ref="DI6:DQ6" si="12">IF(DI7="",NA(),DI7)</f>
        <v>56.08</v>
      </c>
      <c r="DJ6" s="22">
        <f t="shared" si="12"/>
        <v>57.54</v>
      </c>
      <c r="DK6" s="22">
        <f t="shared" si="12"/>
        <v>59.01</v>
      </c>
      <c r="DL6" s="22">
        <f t="shared" si="12"/>
        <v>60.7</v>
      </c>
      <c r="DM6" s="22">
        <f t="shared" si="12"/>
        <v>45.14</v>
      </c>
      <c r="DN6" s="22">
        <f t="shared" si="12"/>
        <v>45.85</v>
      </c>
      <c r="DO6" s="22">
        <f t="shared" si="12"/>
        <v>47.31</v>
      </c>
      <c r="DP6" s="22">
        <f t="shared" si="12"/>
        <v>47.5</v>
      </c>
      <c r="DQ6" s="22">
        <f t="shared" si="12"/>
        <v>48.41</v>
      </c>
      <c r="DR6" s="21" t="str">
        <f>IF(DR7="","",IF(DR7="-","【-】","【"&amp;SUBSTITUTE(TEXT(DR7,"#,##0.00"),"-","△")&amp;"】"))</f>
        <v>【50.88】</v>
      </c>
      <c r="DS6" s="22">
        <f>IF(DS7="",NA(),DS7)</f>
        <v>13.25</v>
      </c>
      <c r="DT6" s="22">
        <f t="shared" ref="DT6:EB6" si="13">IF(DT7="",NA(),DT7)</f>
        <v>13.25</v>
      </c>
      <c r="DU6" s="22">
        <f t="shared" si="13"/>
        <v>13.25</v>
      </c>
      <c r="DV6" s="22">
        <f t="shared" si="13"/>
        <v>13.25</v>
      </c>
      <c r="DW6" s="22">
        <f t="shared" si="13"/>
        <v>13.25</v>
      </c>
      <c r="DX6" s="22">
        <f t="shared" si="13"/>
        <v>13.58</v>
      </c>
      <c r="DY6" s="22">
        <f t="shared" si="13"/>
        <v>14.13</v>
      </c>
      <c r="DZ6" s="22">
        <f t="shared" si="13"/>
        <v>16.77</v>
      </c>
      <c r="EA6" s="22">
        <f t="shared" si="13"/>
        <v>17.399999999999999</v>
      </c>
      <c r="EB6" s="22">
        <f t="shared" si="13"/>
        <v>18.64</v>
      </c>
      <c r="EC6" s="21" t="str">
        <f>IF(EC7="","",IF(EC7="-","【-】","【"&amp;SUBSTITUTE(TEXT(EC7,"#,##0.00"),"-","△")&amp;"】"))</f>
        <v>【22.30】</v>
      </c>
      <c r="ED6" s="21">
        <f>IF(ED7="",NA(),ED7)</f>
        <v>0</v>
      </c>
      <c r="EE6" s="21">
        <f t="shared" ref="EE6:EM6" si="14">IF(EE7="",NA(),EE7)</f>
        <v>0</v>
      </c>
      <c r="EF6" s="21">
        <f t="shared" si="14"/>
        <v>0</v>
      </c>
      <c r="EG6" s="21">
        <f t="shared" si="14"/>
        <v>0</v>
      </c>
      <c r="EH6" s="21">
        <f t="shared" si="14"/>
        <v>0</v>
      </c>
      <c r="EI6" s="22">
        <f t="shared" si="14"/>
        <v>0.44</v>
      </c>
      <c r="EJ6" s="22">
        <f t="shared" si="14"/>
        <v>0.52</v>
      </c>
      <c r="EK6" s="22">
        <f t="shared" si="14"/>
        <v>0.47</v>
      </c>
      <c r="EL6" s="22">
        <f t="shared" si="14"/>
        <v>0.4</v>
      </c>
      <c r="EM6" s="22">
        <f t="shared" si="14"/>
        <v>0.36</v>
      </c>
      <c r="EN6" s="21" t="str">
        <f>IF(EN7="","",IF(EN7="-","【-】","【"&amp;SUBSTITUTE(TEXT(EN7,"#,##0.00"),"-","△")&amp;"】"))</f>
        <v>【0.66】</v>
      </c>
    </row>
    <row r="7" spans="1:144" s="23" customFormat="1" x14ac:dyDescent="0.2">
      <c r="A7" s="15"/>
      <c r="B7" s="24">
        <v>2021</v>
      </c>
      <c r="C7" s="24">
        <v>143839</v>
      </c>
      <c r="D7" s="24">
        <v>46</v>
      </c>
      <c r="E7" s="24">
        <v>1</v>
      </c>
      <c r="F7" s="24">
        <v>0</v>
      </c>
      <c r="G7" s="24">
        <v>1</v>
      </c>
      <c r="H7" s="24" t="s">
        <v>93</v>
      </c>
      <c r="I7" s="24" t="s">
        <v>94</v>
      </c>
      <c r="J7" s="24" t="s">
        <v>95</v>
      </c>
      <c r="K7" s="24" t="s">
        <v>96</v>
      </c>
      <c r="L7" s="24" t="s">
        <v>97</v>
      </c>
      <c r="M7" s="24" t="s">
        <v>98</v>
      </c>
      <c r="N7" s="25" t="s">
        <v>99</v>
      </c>
      <c r="O7" s="25">
        <v>55.18</v>
      </c>
      <c r="P7" s="25">
        <v>100</v>
      </c>
      <c r="Q7" s="25">
        <v>3747</v>
      </c>
      <c r="R7" s="25">
        <v>6984</v>
      </c>
      <c r="S7" s="25">
        <v>7.05</v>
      </c>
      <c r="T7" s="25">
        <v>990.64</v>
      </c>
      <c r="U7" s="25">
        <v>6931</v>
      </c>
      <c r="V7" s="25">
        <v>7.02</v>
      </c>
      <c r="W7" s="25">
        <v>987.32</v>
      </c>
      <c r="X7" s="25">
        <v>112.01</v>
      </c>
      <c r="Y7" s="25">
        <v>108.02</v>
      </c>
      <c r="Z7" s="25">
        <v>107.74</v>
      </c>
      <c r="AA7" s="25">
        <v>108.59</v>
      </c>
      <c r="AB7" s="25">
        <v>107.41</v>
      </c>
      <c r="AC7" s="25">
        <v>104.47</v>
      </c>
      <c r="AD7" s="25">
        <v>103.81</v>
      </c>
      <c r="AE7" s="25">
        <v>104.35</v>
      </c>
      <c r="AF7" s="25">
        <v>105.34</v>
      </c>
      <c r="AG7" s="25">
        <v>105.77</v>
      </c>
      <c r="AH7" s="25">
        <v>111.39</v>
      </c>
      <c r="AI7" s="25">
        <v>0</v>
      </c>
      <c r="AJ7" s="25">
        <v>0</v>
      </c>
      <c r="AK7" s="25">
        <v>0</v>
      </c>
      <c r="AL7" s="25">
        <v>0</v>
      </c>
      <c r="AM7" s="25">
        <v>0</v>
      </c>
      <c r="AN7" s="25">
        <v>16.399999999999999</v>
      </c>
      <c r="AO7" s="25">
        <v>25.66</v>
      </c>
      <c r="AP7" s="25">
        <v>21.69</v>
      </c>
      <c r="AQ7" s="25">
        <v>24.04</v>
      </c>
      <c r="AR7" s="25">
        <v>28.03</v>
      </c>
      <c r="AS7" s="25">
        <v>1.3</v>
      </c>
      <c r="AT7" s="25">
        <v>43.21</v>
      </c>
      <c r="AU7" s="25">
        <v>45.16</v>
      </c>
      <c r="AV7" s="25">
        <v>36.630000000000003</v>
      </c>
      <c r="AW7" s="25">
        <v>40.94</v>
      </c>
      <c r="AX7" s="25">
        <v>55.66</v>
      </c>
      <c r="AY7" s="25">
        <v>293.23</v>
      </c>
      <c r="AZ7" s="25">
        <v>300.14</v>
      </c>
      <c r="BA7" s="25">
        <v>301.04000000000002</v>
      </c>
      <c r="BB7" s="25">
        <v>305.08</v>
      </c>
      <c r="BC7" s="25">
        <v>305.33999999999997</v>
      </c>
      <c r="BD7" s="25">
        <v>261.51</v>
      </c>
      <c r="BE7" s="25">
        <v>393.83</v>
      </c>
      <c r="BF7" s="25">
        <v>397.35</v>
      </c>
      <c r="BG7" s="25">
        <v>381.48</v>
      </c>
      <c r="BH7" s="25">
        <v>358.7</v>
      </c>
      <c r="BI7" s="25">
        <v>348.73</v>
      </c>
      <c r="BJ7" s="25">
        <v>542.29999999999995</v>
      </c>
      <c r="BK7" s="25">
        <v>566.65</v>
      </c>
      <c r="BL7" s="25">
        <v>551.62</v>
      </c>
      <c r="BM7" s="25">
        <v>585.59</v>
      </c>
      <c r="BN7" s="25">
        <v>561.34</v>
      </c>
      <c r="BO7" s="25">
        <v>265.16000000000003</v>
      </c>
      <c r="BP7" s="25">
        <v>111.14</v>
      </c>
      <c r="BQ7" s="25">
        <v>107.22</v>
      </c>
      <c r="BR7" s="25">
        <v>107.2</v>
      </c>
      <c r="BS7" s="25">
        <v>107.16</v>
      </c>
      <c r="BT7" s="25">
        <v>102.83</v>
      </c>
      <c r="BU7" s="25">
        <v>87.51</v>
      </c>
      <c r="BV7" s="25">
        <v>84.77</v>
      </c>
      <c r="BW7" s="25">
        <v>87.11</v>
      </c>
      <c r="BX7" s="25">
        <v>82.78</v>
      </c>
      <c r="BY7" s="25">
        <v>84.82</v>
      </c>
      <c r="BZ7" s="25">
        <v>102.35</v>
      </c>
      <c r="CA7" s="25">
        <v>220.25</v>
      </c>
      <c r="CB7" s="25">
        <v>227.9</v>
      </c>
      <c r="CC7" s="25">
        <v>228.7</v>
      </c>
      <c r="CD7" s="25">
        <v>227.06</v>
      </c>
      <c r="CE7" s="25">
        <v>237.1</v>
      </c>
      <c r="CF7" s="25">
        <v>218.42</v>
      </c>
      <c r="CG7" s="25">
        <v>227.27</v>
      </c>
      <c r="CH7" s="25">
        <v>223.98</v>
      </c>
      <c r="CI7" s="25">
        <v>225.09</v>
      </c>
      <c r="CJ7" s="25">
        <v>224.82</v>
      </c>
      <c r="CK7" s="25">
        <v>167.74</v>
      </c>
      <c r="CL7" s="25">
        <v>30.87</v>
      </c>
      <c r="CM7" s="25">
        <v>30.74</v>
      </c>
      <c r="CN7" s="25">
        <v>29.93</v>
      </c>
      <c r="CO7" s="25">
        <v>30.08</v>
      </c>
      <c r="CP7" s="25">
        <v>30.22</v>
      </c>
      <c r="CQ7" s="25">
        <v>50.24</v>
      </c>
      <c r="CR7" s="25">
        <v>50.29</v>
      </c>
      <c r="CS7" s="25">
        <v>49.64</v>
      </c>
      <c r="CT7" s="25">
        <v>49.38</v>
      </c>
      <c r="CU7" s="25">
        <v>50.09</v>
      </c>
      <c r="CV7" s="25">
        <v>60.29</v>
      </c>
      <c r="CW7" s="25">
        <v>82.74</v>
      </c>
      <c r="CX7" s="25">
        <v>81.38</v>
      </c>
      <c r="CY7" s="25">
        <v>81.44</v>
      </c>
      <c r="CZ7" s="25">
        <v>81.88</v>
      </c>
      <c r="DA7" s="25">
        <v>77.48</v>
      </c>
      <c r="DB7" s="25">
        <v>78.650000000000006</v>
      </c>
      <c r="DC7" s="25">
        <v>77.73</v>
      </c>
      <c r="DD7" s="25">
        <v>78.09</v>
      </c>
      <c r="DE7" s="25">
        <v>78.010000000000005</v>
      </c>
      <c r="DF7" s="25">
        <v>77.599999999999994</v>
      </c>
      <c r="DG7" s="25">
        <v>90.12</v>
      </c>
      <c r="DH7" s="25">
        <v>55.07</v>
      </c>
      <c r="DI7" s="25">
        <v>56.08</v>
      </c>
      <c r="DJ7" s="25">
        <v>57.54</v>
      </c>
      <c r="DK7" s="25">
        <v>59.01</v>
      </c>
      <c r="DL7" s="25">
        <v>60.7</v>
      </c>
      <c r="DM7" s="25">
        <v>45.14</v>
      </c>
      <c r="DN7" s="25">
        <v>45.85</v>
      </c>
      <c r="DO7" s="25">
        <v>47.31</v>
      </c>
      <c r="DP7" s="25">
        <v>47.5</v>
      </c>
      <c r="DQ7" s="25">
        <v>48.41</v>
      </c>
      <c r="DR7" s="25">
        <v>50.88</v>
      </c>
      <c r="DS7" s="25">
        <v>13.25</v>
      </c>
      <c r="DT7" s="25">
        <v>13.25</v>
      </c>
      <c r="DU7" s="25">
        <v>13.25</v>
      </c>
      <c r="DV7" s="25">
        <v>13.25</v>
      </c>
      <c r="DW7" s="25">
        <v>13.25</v>
      </c>
      <c r="DX7" s="25">
        <v>13.58</v>
      </c>
      <c r="DY7" s="25">
        <v>14.13</v>
      </c>
      <c r="DZ7" s="25">
        <v>16.77</v>
      </c>
      <c r="EA7" s="25">
        <v>17.399999999999999</v>
      </c>
      <c r="EB7" s="25">
        <v>18.64</v>
      </c>
      <c r="EC7" s="25">
        <v>22.3</v>
      </c>
      <c r="ED7" s="25">
        <v>0</v>
      </c>
      <c r="EE7" s="25">
        <v>0</v>
      </c>
      <c r="EF7" s="25">
        <v>0</v>
      </c>
      <c r="EG7" s="25">
        <v>0</v>
      </c>
      <c r="EH7" s="25">
        <v>0</v>
      </c>
      <c r="EI7" s="25">
        <v>0.44</v>
      </c>
      <c r="EJ7" s="25">
        <v>0.52</v>
      </c>
      <c r="EK7" s="25">
        <v>0.47</v>
      </c>
      <c r="EL7" s="25">
        <v>0.4</v>
      </c>
      <c r="EM7" s="25">
        <v>0.36</v>
      </c>
      <c r="EN7" s="25">
        <v>0.66</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 t="shared" ref="B10:C10" si="15">DATEVALUE($B7+12-B11&amp;"/1/"&amp;B12)</f>
        <v>47119</v>
      </c>
      <c r="C10" s="29">
        <f t="shared" si="15"/>
        <v>47484</v>
      </c>
      <c r="D10" s="30">
        <f>DATEVALUE($B7+12-D11&amp;"/1/"&amp;D12)</f>
        <v>47849</v>
      </c>
      <c r="E10" s="30">
        <f>DATEVALUE($B7+12-E11&amp;"/1/"&amp;E12)</f>
        <v>48215</v>
      </c>
      <c r="F10" s="30">
        <f>DATEVALUE($B7+12-F11&amp;"/1/"&amp;F12)</f>
        <v>48582</v>
      </c>
    </row>
    <row r="11" spans="1:144" x14ac:dyDescent="0.2">
      <c r="B11">
        <v>4</v>
      </c>
      <c r="C11">
        <v>3</v>
      </c>
      <c r="D11">
        <v>2</v>
      </c>
      <c r="E11">
        <v>1</v>
      </c>
      <c r="F11">
        <v>0</v>
      </c>
      <c r="G11" t="s">
        <v>105</v>
      </c>
    </row>
    <row r="12" spans="1:144" x14ac:dyDescent="0.2">
      <c r="B12">
        <v>1</v>
      </c>
      <c r="C12">
        <v>1</v>
      </c>
      <c r="D12">
        <v>1</v>
      </c>
      <c r="E12">
        <v>2</v>
      </c>
      <c r="F12">
        <v>3</v>
      </c>
      <c r="G12" t="s">
        <v>106</v>
      </c>
    </row>
    <row r="13" spans="1:144" x14ac:dyDescent="0.2">
      <c r="B13" t="s">
        <v>107</v>
      </c>
      <c r="C13" t="s">
        <v>107</v>
      </c>
      <c r="D13" t="s">
        <v>108</v>
      </c>
      <c r="E13" t="s">
        <v>109</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22T09:27:29Z</cp:lastPrinted>
  <dcterms:created xsi:type="dcterms:W3CDTF">2022-12-01T00:56:55Z</dcterms:created>
  <dcterms:modified xsi:type="dcterms:W3CDTF">2023-02-22T09:28:19Z</dcterms:modified>
  <cp:category/>
</cp:coreProperties>
</file>